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ees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5" name="Afbeelding 4" descr="Afbeelding met tekst, Lettertype, logo, Graphics&#10;&#10;Automatisch gegenereerde beschrijving">
            <a:extLst>
              <a:ext uri="{FF2B5EF4-FFF2-40B4-BE49-F238E27FC236}">
                <a16:creationId xmlns:a16="http://schemas.microsoft.com/office/drawing/2014/main" id="{8DA0056C-5B6C-3F8F-87F0-551630D13B4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570107"/>
            <a:ext cx="2321855" cy="207109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A380E826-28A0-299B-C0BF-B287FD58179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93690" y="4063644"/>
            <a:ext cx="1363912" cy="12166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6-11T07:13:54Z</dcterms:modified>
</cp:coreProperties>
</file>